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1334" y="8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issewaar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a:extLst>
              <a:ext uri="{FF2B5EF4-FFF2-40B4-BE49-F238E27FC236}">
                <a16:creationId xmlns:a16="http://schemas.microsoft.com/office/drawing/2014/main" id="{6D331C25-303C-055F-DC38-3CEC3DA5884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5730" y="4917082"/>
            <a:ext cx="2798733" cy="175200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821972F3-EB50-F027-ABE0-7E316CEDE80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69045" y="3865380"/>
            <a:ext cx="2215870" cy="138713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Piet Boekhoudt</cp:lastModifiedBy>
  <cp:revision>4275</cp:revision>
  <dcterms:created xsi:type="dcterms:W3CDTF">2019-07-30T10:24:44Z</dcterms:created>
  <dcterms:modified xsi:type="dcterms:W3CDTF">2024-05-26T12:07:02Z</dcterms:modified>
</cp:coreProperties>
</file>